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comprenant l'âge et le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A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Désagrégation sélectionnée. Pour en savoir plus sur le type Attribut, consultez la documentation DHIS2. Enfin, attribuez la bonne catégorie à la combinaison. Dans cet exemple, nous sélectionnons uniquement la catégorie "A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